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10"/>
  </p:notesMasterIdLst>
  <p:sldIdLst>
    <p:sldId id="256" r:id="rId5"/>
    <p:sldId id="263" r:id="rId6"/>
    <p:sldId id="275" r:id="rId7"/>
    <p:sldId id="276" r:id="rId8"/>
    <p:sldId id="273" r:id="rId9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B887D1E-39DC-47B7-9384-0A94E591DCCB}" v="1" dt="2024-04-15T12:55:28.48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20" d="100"/>
          <a:sy n="120" d="100"/>
        </p:scale>
        <p:origin x="29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microsoft.com/office/2016/11/relationships/changesInfo" Target="changesInfos/changesInfo1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ristabela Garnace" userId="997c92d6-c8db-4a35-a0be-1d48cc4c28a8" providerId="ADAL" clId="{2B887D1E-39DC-47B7-9384-0A94E591DCCB}"/>
    <pc:docChg chg="modSld sldOrd">
      <pc:chgData name="Kristabela Garnace" userId="997c92d6-c8db-4a35-a0be-1d48cc4c28a8" providerId="ADAL" clId="{2B887D1E-39DC-47B7-9384-0A94E591DCCB}" dt="2024-04-15T12:56:04.692" v="5" actId="34135"/>
      <pc:docMkLst>
        <pc:docMk/>
      </pc:docMkLst>
      <pc:sldChg chg="modSp mod">
        <pc:chgData name="Kristabela Garnace" userId="997c92d6-c8db-4a35-a0be-1d48cc4c28a8" providerId="ADAL" clId="{2B887D1E-39DC-47B7-9384-0A94E591DCCB}" dt="2024-04-15T12:56:04.692" v="5" actId="34135"/>
        <pc:sldMkLst>
          <pc:docMk/>
          <pc:sldMk cId="3000904386" sldId="275"/>
        </pc:sldMkLst>
        <pc:picChg chg="mod modCrop">
          <ac:chgData name="Kristabela Garnace" userId="997c92d6-c8db-4a35-a0be-1d48cc4c28a8" providerId="ADAL" clId="{2B887D1E-39DC-47B7-9384-0A94E591DCCB}" dt="2024-04-15T12:56:04.692" v="5" actId="34135"/>
          <ac:picMkLst>
            <pc:docMk/>
            <pc:sldMk cId="3000904386" sldId="275"/>
            <ac:picMk id="4" creationId="{8D1A3C93-40B9-BDA6-B094-64DB338F1510}"/>
          </ac:picMkLst>
        </pc:picChg>
      </pc:sldChg>
      <pc:sldChg chg="ord">
        <pc:chgData name="Kristabela Garnace" userId="997c92d6-c8db-4a35-a0be-1d48cc4c28a8" providerId="ADAL" clId="{2B887D1E-39DC-47B7-9384-0A94E591DCCB}" dt="2024-04-15T12:53:12.999" v="0" actId="20578"/>
        <pc:sldMkLst>
          <pc:docMk/>
          <pc:sldMk cId="97606547" sldId="276"/>
        </pc:sldMkLst>
      </pc:sldChg>
    </pc:docChg>
  </pc:docChgLst>
  <pc:docChgLst>
    <pc:chgData name="Kristabela Garnace" userId="997c92d6-c8db-4a35-a0be-1d48cc4c28a8" providerId="ADAL" clId="{38B2E39F-A27B-4B87-9A15-90C0E8155BAC}"/>
    <pc:docChg chg="undo custSel addSld modSld sldOrd">
      <pc:chgData name="Kristabela Garnace" userId="997c92d6-c8db-4a35-a0be-1d48cc4c28a8" providerId="ADAL" clId="{38B2E39F-A27B-4B87-9A15-90C0E8155BAC}" dt="2024-03-05T14:21:58.927" v="36" actId="34135"/>
      <pc:docMkLst>
        <pc:docMk/>
      </pc:docMkLst>
      <pc:sldChg chg="modSp mod">
        <pc:chgData name="Kristabela Garnace" userId="997c92d6-c8db-4a35-a0be-1d48cc4c28a8" providerId="ADAL" clId="{38B2E39F-A27B-4B87-9A15-90C0E8155BAC}" dt="2024-03-05T14:18:58.316" v="13" actId="34135"/>
        <pc:sldMkLst>
          <pc:docMk/>
          <pc:sldMk cId="2748576720" sldId="256"/>
        </pc:sldMkLst>
        <pc:picChg chg="mod modCrop">
          <ac:chgData name="Kristabela Garnace" userId="997c92d6-c8db-4a35-a0be-1d48cc4c28a8" providerId="ADAL" clId="{38B2E39F-A27B-4B87-9A15-90C0E8155BAC}" dt="2024-03-05T14:18:58.316" v="13" actId="34135"/>
          <ac:picMkLst>
            <pc:docMk/>
            <pc:sldMk cId="2748576720" sldId="256"/>
            <ac:picMk id="5" creationId="{582789A0-A01A-AF58-7EB5-83FC04D936C1}"/>
          </ac:picMkLst>
        </pc:picChg>
      </pc:sldChg>
      <pc:sldChg chg="modSp mod ord">
        <pc:chgData name="Kristabela Garnace" userId="997c92d6-c8db-4a35-a0be-1d48cc4c28a8" providerId="ADAL" clId="{38B2E39F-A27B-4B87-9A15-90C0E8155BAC}" dt="2024-03-05T14:21:58.927" v="36" actId="34135"/>
        <pc:sldMkLst>
          <pc:docMk/>
          <pc:sldMk cId="2132196233" sldId="273"/>
        </pc:sldMkLst>
        <pc:picChg chg="mod modCrop">
          <ac:chgData name="Kristabela Garnace" userId="997c92d6-c8db-4a35-a0be-1d48cc4c28a8" providerId="ADAL" clId="{38B2E39F-A27B-4B87-9A15-90C0E8155BAC}" dt="2024-03-05T14:21:58.927" v="36" actId="34135"/>
          <ac:picMkLst>
            <pc:docMk/>
            <pc:sldMk cId="2132196233" sldId="273"/>
            <ac:picMk id="6" creationId="{D69A91C4-1D49-9701-DD12-29A3974CBEED}"/>
          </ac:picMkLst>
        </pc:picChg>
      </pc:sldChg>
      <pc:sldChg chg="modSp add mod">
        <pc:chgData name="Kristabela Garnace" userId="997c92d6-c8db-4a35-a0be-1d48cc4c28a8" providerId="ADAL" clId="{38B2E39F-A27B-4B87-9A15-90C0E8155BAC}" dt="2024-03-05T14:20:24.010" v="25" actId="34135"/>
        <pc:sldMkLst>
          <pc:docMk/>
          <pc:sldMk cId="97606547" sldId="276"/>
        </pc:sldMkLst>
        <pc:picChg chg="mod modCrop">
          <ac:chgData name="Kristabela Garnace" userId="997c92d6-c8db-4a35-a0be-1d48cc4c28a8" providerId="ADAL" clId="{38B2E39F-A27B-4B87-9A15-90C0E8155BAC}" dt="2024-03-05T14:20:24.010" v="25" actId="34135"/>
          <ac:picMkLst>
            <pc:docMk/>
            <pc:sldMk cId="97606547" sldId="276"/>
            <ac:picMk id="4" creationId="{8D1A3C93-40B9-BDA6-B094-64DB338F1510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50559D3-C290-49F5-A40B-FB9A5BE4F8DD}" type="datetimeFigureOut">
              <a:rPr lang="en-US" smtClean="0"/>
              <a:t>4/15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4CB4E2-F3D6-4364-A194-B07635CB3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44163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4CB4E2-F3D6-4364-A194-B07635CB3859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65391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44C3A0B-4A3C-1F83-2316-2187C19A718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C7C62B8C-4118-A857-41D1-F9E242F10CC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A1090C-5A1B-19BC-CA70-73DCC5CF76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D0363BE5-A791-3872-3BFC-0EE391CE3A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8B9F48FC-E1E8-2BAD-95C7-7A55BFC0C7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091115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FA2B03E-4F25-86ED-3E02-B4F30CFFE5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EF6F901F-FF58-A42C-3C4D-D61CAE62BE0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1E3E3B3-1426-88CB-5174-0DD3EA04BC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5720136-F2A6-B983-458A-3C5205F100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637044EB-C47B-3947-1A3D-616F231B84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915070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8A1382E8-AC72-D02A-BE61-742E8297105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C62FF0B5-35FD-DF21-D4AE-3FDE23A3EB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0DF0C82-CD6B-16A8-B6C6-0507D8A428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64C0B55-7125-6A33-8109-E3E11FB60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92F3F26-A1CA-8006-B06A-D0712F60AD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4790284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13790453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1414585327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83BFAC3-9F4A-C840-2305-16190E6C65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A44A958-62B0-41CD-4299-2FFD7072549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20AD598-6AF2-23C3-6C67-0F7B854011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75A3AA9-158A-BE75-F696-48AAB2F3AA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ADACC28F-00FC-99BE-410B-9CFF8A80A7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759055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38111C7-1D69-49C3-EB79-1AC2A326FC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20D075AF-9AF7-D541-40F5-1D952A205B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6435F95-DB45-8B8B-C34B-676AD07060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E9673983-FE2F-3F7E-BA01-929902D5A9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86F86CE-2EEB-B28E-AE5D-A966116385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214496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E6C55A1-A7B1-1A65-A6F9-A7A9A241F8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F94E6577-008A-D93C-6E85-2371ABF6A49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8DDD825E-2819-0C35-C41D-2353B35BE9E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F51459F2-7B9E-E4DF-656B-6C39305A9B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07132FD5-A811-954F-B03B-F01F741063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E54CAEB-BCC2-2B33-2E59-9CB9512AEF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654194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5A5ED54-881A-7876-7A18-831F4EA0D5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4D56F65-6A93-7FD5-F0E3-E617510DB01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BD7DA438-0166-36DF-97BA-CBED430D245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13BFCB53-1D70-2F32-54A8-BF4E016E362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13B4597D-1892-1D0A-1CE6-80E31D4D50C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9C15027B-50BF-75FF-4BBB-406E78A55B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8A97D082-B076-4F0F-BC0B-F000714A46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CA874314-FA1E-929E-BDED-485F24F6DF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519354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62EE188-F599-AD61-03E2-15FA7C3EBF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08A6BB57-F4E2-FC03-40FC-668CDB705A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10687F4C-E4DD-04C8-6E8B-DBB28F6D1E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C2072C1A-520E-E617-9DD2-B4057CFDF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554519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7C96BC6D-B5EC-24C1-B5D5-B5EF5ACCB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CBDF9E6B-C9D2-D385-5D9C-00D3039595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182160E-0145-02EE-BF84-1117699F2B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423412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326902F-8B50-E170-47C3-DAB51995C8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41B0D9BA-14DA-A0EA-0D89-6F24054DC44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062D2DC2-9FA2-E279-E40D-5B8F740EE7E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B3AEF42-E7A2-4AC9-6DAE-AE0BA8ED70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9DDF185-D84E-AE85-8A2D-FC7FF19964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056DF3A-C386-C782-AE20-FE0585C8F9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295664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37D3403-A2F6-64E6-B430-DEF975289E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4126FCD5-85E5-C285-BB23-34736FE9F24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A5A435B5-7E9F-93AF-1DE2-0FB7C80285A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B16E9143-E320-7F33-C1DE-B1324D0AA7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6F320DFE-151E-4B16-3F65-E0B21BA3EC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0989E253-8964-244E-9443-F5B98B0E58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758957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B17581EC-2E5B-A104-5590-19D14EDE33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199E6A8-D721-590F-8101-17DD447EEEF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C4DF7EB-A936-AFE8-C501-0D594DB1C2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F9E2E2-11AC-7C44-9E25-28ECF37D0494}" type="datetimeFigureOut">
              <a:rPr lang="fr-FR" smtClean="0"/>
              <a:t>15/04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01C1A05-7832-60EE-F271-5348700DB84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24831FB-74F4-B8BA-41C0-F51B025C4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50628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Relationship Id="rId4" Type="http://schemas.openxmlformats.org/officeDocument/2006/relationships/image" Target="../media/image6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582789A0-A01A-AF58-7EB5-83FC04D936C1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ph type="pic" sz="quarter" idx="11"/>
          </p:nvPr>
        </p:nvPicPr>
        <p:blipFill>
          <a:blip r:embed="rId3"/>
          <a:srcRect/>
          <a:stretch/>
        </p:blipFill>
        <p:spPr>
          <a:xfrm>
            <a:off x="0" y="0"/>
            <a:ext cx="12192000" cy="68580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A913166-3AF7-51D2-1C44-8E13974A175A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552450" y="524327"/>
            <a:ext cx="10562712" cy="1481393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dirty="0">
                <a:latin typeface="Aktiv Grotesk XBold" panose="020B0804020202020204" pitchFamily="34" charset="-78"/>
                <a:cs typeface="Aktiv Grotesk XBold" panose="020B0804020202020204" pitchFamily="34" charset="-78"/>
              </a:rPr>
              <a:t>Customize your own banner</a:t>
            </a:r>
          </a:p>
          <a:p>
            <a:r>
              <a:rPr lang="en-US" sz="3600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#IATAWSS!</a:t>
            </a:r>
          </a:p>
        </p:txBody>
      </p:sp>
      <p:sp>
        <p:nvSpPr>
          <p:cNvPr id="4" name="Ellipse 3">
            <a:extLst>
              <a:ext uri="{FF2B5EF4-FFF2-40B4-BE49-F238E27FC236}">
                <a16:creationId xmlns:a16="http://schemas.microsoft.com/office/drawing/2014/main" id="{5B775B25-C6CE-E938-B53E-2EE07748069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7053591" y="646078"/>
            <a:ext cx="295275" cy="295275"/>
          </a:xfrm>
          <a:prstGeom prst="ellipse">
            <a:avLst/>
          </a:prstGeom>
          <a:solidFill>
            <a:srgbClr val="FAC8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76D45A8-4432-9B49-39C3-9B461D632F9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631280" y="1612463"/>
            <a:ext cx="2183901" cy="80645"/>
          </a:xfrm>
          <a:prstGeom prst="rect">
            <a:avLst/>
          </a:prstGeom>
          <a:solidFill>
            <a:srgbClr val="1F32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2014889" y="1968317"/>
            <a:ext cx="7511234" cy="2246769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lang="en-US" sz="1400" dirty="0">
                <a:solidFill>
                  <a:srgbClr val="3333FF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lang="en-US" sz="1400" dirty="0">
                <a:latin typeface="Aktiv Grotesk" panose="020B0504020202020204" pitchFamily="34" charset="0"/>
              </a:rPr>
              <a:t>In the next slide click 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Enter a message of your choice in the box</a:t>
            </a: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3:</a:t>
            </a:r>
            <a:r>
              <a:rPr lang="en-US" sz="1400" dirty="0"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 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b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</a:b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algn="ctr"/>
            <a:r>
              <a:rPr lang="en-US" sz="1400" b="1" dirty="0">
                <a:solidFill>
                  <a:srgbClr val="3333FF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, make sure to include the link to the WSS website  and use #IATAWSS!</a:t>
            </a:r>
          </a:p>
          <a:p>
            <a:pPr algn="ctr"/>
            <a:r>
              <a:rPr lang="en-US" sz="1400" b="1" dirty="0">
                <a:solidFill>
                  <a:srgbClr val="1D31FA"/>
                </a:solidFill>
                <a:ea typeface="+mn-lt"/>
                <a:cs typeface="+mn-lt"/>
              </a:rPr>
              <a:t>https://www.iata.org/en/events/all/world-sustainability-symposium/</a:t>
            </a:r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F7A01C62-2373-497F-6750-F11467CE0DD2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 cstate="email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01757" y="5008110"/>
            <a:ext cx="986808" cy="1325563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9B7B8B36-DF25-A8B4-8436-58CA6B13DF06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/>
          <a:srcRect/>
          <a:stretch/>
        </p:blipFill>
        <p:spPr>
          <a:xfrm>
            <a:off x="3886216" y="4385402"/>
            <a:ext cx="3768579" cy="21164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D1A3C93-40B9-BDA6-B094-64DB338F151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 l="261" r="261"/>
          <a:stretch/>
        </p:blipFill>
        <p:spPr>
          <a:xfrm>
            <a:off x="0" y="-26544"/>
            <a:ext cx="12192000" cy="6875217"/>
          </a:xfrm>
          <a:prstGeom prst="rect">
            <a:avLst/>
          </a:prstGeom>
        </p:spPr>
      </p:pic>
      <p:sp>
        <p:nvSpPr>
          <p:cNvPr id="5" name="Picture Placeholder 8">
            <a:extLst>
              <a:ext uri="{FF2B5EF4-FFF2-40B4-BE49-F238E27FC236}">
                <a16:creationId xmlns:a16="http://schemas.microsoft.com/office/drawing/2014/main" id="{FD1214FE-3D13-31E2-9C55-A9A42B2F976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  <p:sp>
        <p:nvSpPr>
          <p:cNvPr id="6" name="Rectangle : coins arrondis 6">
            <a:extLst>
              <a:ext uri="{FF2B5EF4-FFF2-40B4-BE49-F238E27FC236}">
                <a16:creationId xmlns:a16="http://schemas.microsoft.com/office/drawing/2014/main" id="{E526B0AA-1153-BED0-7D2C-E082CA9F3E7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ZoneTexte 4">
            <a:extLst>
              <a:ext uri="{FF2B5EF4-FFF2-40B4-BE49-F238E27FC236}">
                <a16:creationId xmlns:a16="http://schemas.microsoft.com/office/drawing/2014/main" id="{C9B3E1B9-E01C-194E-5BB8-ADBB2EF312F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00090438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D1A3C93-40B9-BDA6-B094-64DB338F151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/>
          <a:srcRect l="8" r="8"/>
          <a:stretch/>
        </p:blipFill>
        <p:spPr>
          <a:xfrm>
            <a:off x="-19050" y="-1072"/>
            <a:ext cx="12208600" cy="6859071"/>
          </a:xfrm>
          <a:prstGeom prst="rect">
            <a:avLst/>
          </a:prstGeom>
        </p:spPr>
      </p:pic>
      <p:sp>
        <p:nvSpPr>
          <p:cNvPr id="5" name="Picture Placeholder 8">
            <a:extLst>
              <a:ext uri="{FF2B5EF4-FFF2-40B4-BE49-F238E27FC236}">
                <a16:creationId xmlns:a16="http://schemas.microsoft.com/office/drawing/2014/main" id="{FD1214FE-3D13-31E2-9C55-A9A42B2F976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  <p:sp>
        <p:nvSpPr>
          <p:cNvPr id="6" name="Rectangle : coins arrondis 6">
            <a:extLst>
              <a:ext uri="{FF2B5EF4-FFF2-40B4-BE49-F238E27FC236}">
                <a16:creationId xmlns:a16="http://schemas.microsoft.com/office/drawing/2014/main" id="{E526B0AA-1153-BED0-7D2C-E082CA9F3E7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7" name="ZoneTexte 4">
            <a:extLst>
              <a:ext uri="{FF2B5EF4-FFF2-40B4-BE49-F238E27FC236}">
                <a16:creationId xmlns:a16="http://schemas.microsoft.com/office/drawing/2014/main" id="{C9B3E1B9-E01C-194E-5BB8-ADBB2EF312F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9760654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D69A91C4-1D49-9701-DD12-29A3974CBEE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ph type="pic" sz="quarter" idx="11"/>
          </p:nvPr>
        </p:nvPicPr>
        <p:blipFill>
          <a:blip r:embed="rId4"/>
          <a:srcRect t="6" b="6"/>
          <a:stretch/>
        </p:blipFill>
        <p:spPr>
          <a:xfrm>
            <a:off x="-8468" y="-1"/>
            <a:ext cx="12200467" cy="6879483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2196233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Thème Office 2013 – 2022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 2013 - 2022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fe7f4c7a-cca5-40ac-bdf4-bcf07b00da36">
      <UserInfo>
        <DisplayName>Katie Erofeeva</DisplayName>
        <AccountId>9</AccountId>
        <AccountType/>
      </UserInfo>
      <UserInfo>
        <DisplayName>Macarena Losada</DisplayName>
        <AccountId>19</AccountId>
        <AccountType/>
      </UserInfo>
    </SharedWithUsers>
    <lcf76f155ced4ddcb4097134ff3c332f xmlns="18b83570-7872-4861-baca-0bfed15565b2">
      <Terms xmlns="http://schemas.microsoft.com/office/infopath/2007/PartnerControls"/>
    </lcf76f155ced4ddcb4097134ff3c332f>
    <TaxCatchAll xmlns="fe7f4c7a-cca5-40ac-bdf4-bcf07b00da36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968E04F0C904A47B63D79CB71B8640C" ma:contentTypeVersion="13" ma:contentTypeDescription="Create a new document." ma:contentTypeScope="" ma:versionID="2804b0308cc51da9ee113891cbd2f108">
  <xsd:schema xmlns:xsd="http://www.w3.org/2001/XMLSchema" xmlns:xs="http://www.w3.org/2001/XMLSchema" xmlns:p="http://schemas.microsoft.com/office/2006/metadata/properties" xmlns:ns2="18b83570-7872-4861-baca-0bfed15565b2" xmlns:ns3="fe7f4c7a-cca5-40ac-bdf4-bcf07b00da36" targetNamespace="http://schemas.microsoft.com/office/2006/metadata/properties" ma:root="true" ma:fieldsID="136c4866d82045af5311713df85ac82d" ns2:_="" ns3:_="">
    <xsd:import namespace="18b83570-7872-4861-baca-0bfed15565b2"/>
    <xsd:import namespace="fe7f4c7a-cca5-40ac-bdf4-bcf07b00da3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8b83570-7872-4861-baca-0bfed15565b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4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9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SearchProperties" ma:index="20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e7f4c7a-cca5-40ac-bdf4-bcf07b00da36" elementFormDefault="qualified">
    <xsd:import namespace="http://schemas.microsoft.com/office/2006/documentManagement/types"/>
    <xsd:import namespace="http://schemas.microsoft.com/office/infopath/2007/PartnerControls"/>
    <xsd:element name="SharedWithUsers" ma:index="11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2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5" nillable="true" ma:displayName="Taxonomy Catch All Column" ma:hidden="true" ma:list="{98a7f2ad-a61d-4eb6-9433-d5574d5a7c34}" ma:internalName="TaxCatchAll" ma:showField="CatchAllData" ma:web="fe7f4c7a-cca5-40ac-bdf4-bcf07b00da3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DF9F978-0877-4DBA-8117-BF510FBD777E}">
  <ds:schemaRefs>
    <ds:schemaRef ds:uri="http://schemas.microsoft.com/office/2006/documentManagement/types"/>
    <ds:schemaRef ds:uri="http://purl.org/dc/elements/1.1/"/>
    <ds:schemaRef ds:uri="18b83570-7872-4861-baca-0bfed15565b2"/>
    <ds:schemaRef ds:uri="fe7f4c7a-cca5-40ac-bdf4-bcf07b00da36"/>
    <ds:schemaRef ds:uri="http://purl.org/dc/terms/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062A393A-3FF5-4F54-A8DE-08E774E5133D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A62F82C-C631-492B-B4E2-039A7A8339A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18b83570-7872-4861-baca-0bfed15565b2"/>
    <ds:schemaRef ds:uri="fe7f4c7a-cca5-40ac-bdf4-bcf07b00da3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89</TotalTime>
  <Words>159</Words>
  <Application>Microsoft Office PowerPoint</Application>
  <PresentationFormat>Widescreen</PresentationFormat>
  <Paragraphs>13</Paragraphs>
  <Slides>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1" baseType="lpstr">
      <vt:lpstr>Aktiv Grotesk</vt:lpstr>
      <vt:lpstr>Aktiv Grotesk XBold</vt:lpstr>
      <vt:lpstr>Arial</vt:lpstr>
      <vt:lpstr>Calibri</vt:lpstr>
      <vt:lpstr>Calibri Light</vt:lpstr>
      <vt:lpstr>Thème Office 2013 – 2022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Olga VDOVINA</dc:creator>
  <cp:lastModifiedBy>Kristabela Garnace</cp:lastModifiedBy>
  <cp:revision>6</cp:revision>
  <dcterms:created xsi:type="dcterms:W3CDTF">2023-05-03T10:45:50Z</dcterms:created>
  <dcterms:modified xsi:type="dcterms:W3CDTF">2024-04-15T13:06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968E04F0C904A47B63D79CB71B8640C</vt:lpwstr>
  </property>
  <property fmtid="{D5CDD505-2E9C-101B-9397-08002B2CF9AE}" pid="3" name="MediaServiceImageTags">
    <vt:lpwstr/>
  </property>
</Properties>
</file>